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3\HP2603\"/>
    </mc:Choice>
  </mc:AlternateContent>
  <xr:revisionPtr revIDLastSave="0" documentId="13_ncr:1_{3A8DF10C-4E85-4671-9113-01C6C17F7C31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外国人" sheetId="2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97" uniqueCount="97">
  <si>
    <t>下タ</t>
    <rPh sb="0" eb="1">
      <t>シモ</t>
    </rPh>
    <phoneticPr fontId="8"/>
  </si>
  <si>
    <t>柳町</t>
  </si>
  <si>
    <t>地区名</t>
    <rPh sb="0" eb="2">
      <t>チク</t>
    </rPh>
    <rPh sb="2" eb="3">
      <t>メイ</t>
    </rPh>
    <phoneticPr fontId="9"/>
  </si>
  <si>
    <t>五番町</t>
  </si>
  <si>
    <t>安野屋</t>
  </si>
  <si>
    <t>世帯</t>
    <rPh sb="0" eb="2">
      <t>セタイ</t>
    </rPh>
    <phoneticPr fontId="9"/>
  </si>
  <si>
    <t>月岡</t>
  </si>
  <si>
    <t>計</t>
    <rPh sb="0" eb="1">
      <t>ケイ</t>
    </rPh>
    <phoneticPr fontId="9"/>
  </si>
  <si>
    <t>大久保</t>
    <rPh sb="0" eb="3">
      <t>オオクボ</t>
    </rPh>
    <phoneticPr fontId="8"/>
  </si>
  <si>
    <t>男</t>
    <rPh sb="0" eb="1">
      <t>オトコ</t>
    </rPh>
    <phoneticPr fontId="9"/>
  </si>
  <si>
    <t>女</t>
    <rPh sb="0" eb="1">
      <t>オンナ</t>
    </rPh>
    <phoneticPr fontId="9"/>
  </si>
  <si>
    <t>八尾地域計</t>
    <rPh sb="0" eb="2">
      <t>ヤツオマチ</t>
    </rPh>
    <rPh sb="2" eb="4">
      <t>チイキ</t>
    </rPh>
    <rPh sb="4" eb="5">
      <t>ケイ</t>
    </rPh>
    <phoneticPr fontId="9"/>
  </si>
  <si>
    <t>総曲輪</t>
  </si>
  <si>
    <t>愛宕</t>
  </si>
  <si>
    <t>八人町</t>
  </si>
  <si>
    <t>清水町</t>
  </si>
  <si>
    <t>三郷</t>
  </si>
  <si>
    <t>星井町</t>
  </si>
  <si>
    <t>山室中部</t>
  </si>
  <si>
    <t>東部</t>
  </si>
  <si>
    <t>西田地方</t>
  </si>
  <si>
    <t>長岡</t>
  </si>
  <si>
    <t>山田西部</t>
    <rPh sb="0" eb="2">
      <t>ヤマダ</t>
    </rPh>
    <rPh sb="2" eb="4">
      <t>セイブ</t>
    </rPh>
    <phoneticPr fontId="8"/>
  </si>
  <si>
    <t>堀川</t>
  </si>
  <si>
    <t>堀川南</t>
  </si>
  <si>
    <t>奥田</t>
  </si>
  <si>
    <t>広田</t>
  </si>
  <si>
    <t>奥田北</t>
  </si>
  <si>
    <t>桜谷</t>
  </si>
  <si>
    <t>草島</t>
  </si>
  <si>
    <t>五福</t>
  </si>
  <si>
    <t>神明</t>
  </si>
  <si>
    <t>岩瀬</t>
  </si>
  <si>
    <t>萩浦</t>
  </si>
  <si>
    <t>藤ノ木</t>
  </si>
  <si>
    <t>大広田</t>
  </si>
  <si>
    <t>水橋西部</t>
  </si>
  <si>
    <t>浜黒崎</t>
  </si>
  <si>
    <t>船峅</t>
    <rPh sb="0" eb="1">
      <t>フナ</t>
    </rPh>
    <rPh sb="1" eb="2">
      <t>クラ</t>
    </rPh>
    <phoneticPr fontId="8"/>
  </si>
  <si>
    <t>針原</t>
  </si>
  <si>
    <t>豊田</t>
  </si>
  <si>
    <t>大山</t>
    <rPh sb="0" eb="2">
      <t>オオヤマ</t>
    </rPh>
    <phoneticPr fontId="8"/>
  </si>
  <si>
    <t>新庄</t>
  </si>
  <si>
    <t>黒瀬谷</t>
    <rPh sb="0" eb="2">
      <t>クロセ</t>
    </rPh>
    <rPh sb="2" eb="3">
      <t>タニ</t>
    </rPh>
    <phoneticPr fontId="8"/>
  </si>
  <si>
    <t>山室</t>
  </si>
  <si>
    <t>大沢野地域計</t>
    <rPh sb="0" eb="3">
      <t>オオサワノマチ</t>
    </rPh>
    <rPh sb="3" eb="5">
      <t>チイキ</t>
    </rPh>
    <rPh sb="5" eb="6">
      <t>ケイ</t>
    </rPh>
    <phoneticPr fontId="9"/>
  </si>
  <si>
    <t>太田</t>
  </si>
  <si>
    <t>蜷川</t>
  </si>
  <si>
    <t>新保</t>
  </si>
  <si>
    <t>熊野</t>
  </si>
  <si>
    <t>四方</t>
  </si>
  <si>
    <t>八幡</t>
  </si>
  <si>
    <t>倉垣</t>
  </si>
  <si>
    <t>呉羽</t>
  </si>
  <si>
    <t>寒江</t>
  </si>
  <si>
    <t>古沢</t>
  </si>
  <si>
    <t>老田</t>
  </si>
  <si>
    <t>池多</t>
  </si>
  <si>
    <t>上条</t>
  </si>
  <si>
    <t>水橋中部</t>
  </si>
  <si>
    <t>水橋東部</t>
  </si>
  <si>
    <t>光陽</t>
  </si>
  <si>
    <t>新庄北</t>
    <rPh sb="2" eb="3">
      <t>キタ</t>
    </rPh>
    <phoneticPr fontId="9"/>
  </si>
  <si>
    <t>富山地域計</t>
    <rPh sb="0" eb="2">
      <t>トヤマシ</t>
    </rPh>
    <rPh sb="2" eb="4">
      <t>チイキ</t>
    </rPh>
    <rPh sb="4" eb="5">
      <t>ケイ</t>
    </rPh>
    <phoneticPr fontId="9"/>
  </si>
  <si>
    <t>小羽</t>
    <rPh sb="0" eb="1">
      <t>コ</t>
    </rPh>
    <rPh sb="1" eb="2">
      <t>ハネ</t>
    </rPh>
    <phoneticPr fontId="8"/>
  </si>
  <si>
    <t>大沢野</t>
    <rPh sb="0" eb="2">
      <t>オオサワ</t>
    </rPh>
    <rPh sb="2" eb="3">
      <t>ノ</t>
    </rPh>
    <phoneticPr fontId="8"/>
  </si>
  <si>
    <t>上滝</t>
    <rPh sb="0" eb="2">
      <t>カミダキ</t>
    </rPh>
    <phoneticPr fontId="8"/>
  </si>
  <si>
    <t>大庄</t>
    <rPh sb="0" eb="1">
      <t>オオ</t>
    </rPh>
    <rPh sb="1" eb="2">
      <t>ショウ</t>
    </rPh>
    <phoneticPr fontId="8"/>
  </si>
  <si>
    <t>福沢</t>
    <rPh sb="0" eb="1">
      <t>フク</t>
    </rPh>
    <rPh sb="1" eb="2">
      <t>サワ</t>
    </rPh>
    <phoneticPr fontId="8"/>
  </si>
  <si>
    <t>大山地域計</t>
    <rPh sb="0" eb="2">
      <t>オオヤマ</t>
    </rPh>
    <rPh sb="2" eb="4">
      <t>チイキ</t>
    </rPh>
    <rPh sb="4" eb="5">
      <t>ケイ</t>
    </rPh>
    <phoneticPr fontId="9"/>
  </si>
  <si>
    <t>八尾</t>
    <rPh sb="0" eb="2">
      <t>ヤツオ</t>
    </rPh>
    <phoneticPr fontId="8"/>
  </si>
  <si>
    <t>保内</t>
    <rPh sb="0" eb="1">
      <t>ホ</t>
    </rPh>
    <rPh sb="1" eb="2">
      <t>ウチ</t>
    </rPh>
    <phoneticPr fontId="8"/>
  </si>
  <si>
    <t>杉原</t>
    <rPh sb="0" eb="1">
      <t>スギ</t>
    </rPh>
    <rPh sb="1" eb="2">
      <t>ハラ</t>
    </rPh>
    <phoneticPr fontId="8"/>
  </si>
  <si>
    <t>卯花</t>
    <rPh sb="0" eb="1">
      <t>ウ</t>
    </rPh>
    <rPh sb="1" eb="2">
      <t>ハナ</t>
    </rPh>
    <phoneticPr fontId="8"/>
  </si>
  <si>
    <t>室牧</t>
    <rPh sb="0" eb="1">
      <t>ムロ</t>
    </rPh>
    <rPh sb="1" eb="2">
      <t>マキ</t>
    </rPh>
    <phoneticPr fontId="8"/>
  </si>
  <si>
    <t>野積</t>
    <rPh sb="0" eb="1">
      <t>ノ</t>
    </rPh>
    <rPh sb="1" eb="2">
      <t>ヅ</t>
    </rPh>
    <phoneticPr fontId="8"/>
  </si>
  <si>
    <t>仁歩</t>
    <rPh sb="0" eb="1">
      <t>ジン</t>
    </rPh>
    <rPh sb="1" eb="2">
      <t>ホ</t>
    </rPh>
    <phoneticPr fontId="8"/>
  </si>
  <si>
    <t>大長谷</t>
    <rPh sb="0" eb="1">
      <t>オオ</t>
    </rPh>
    <rPh sb="1" eb="3">
      <t>ナガヤ</t>
    </rPh>
    <phoneticPr fontId="8"/>
  </si>
  <si>
    <t>速星</t>
    <rPh sb="0" eb="1">
      <t>ハヤ</t>
    </rPh>
    <rPh sb="1" eb="2">
      <t>ホシ</t>
    </rPh>
    <phoneticPr fontId="8"/>
  </si>
  <si>
    <t>鵜坂</t>
    <rPh sb="0" eb="1">
      <t>ウ</t>
    </rPh>
    <rPh sb="1" eb="2">
      <t>サカ</t>
    </rPh>
    <phoneticPr fontId="8"/>
  </si>
  <si>
    <t>朝日</t>
    <rPh sb="0" eb="2">
      <t>アサヒ</t>
    </rPh>
    <phoneticPr fontId="8"/>
  </si>
  <si>
    <t>宮川</t>
    <rPh sb="0" eb="2">
      <t>ミヤカワ</t>
    </rPh>
    <phoneticPr fontId="8"/>
  </si>
  <si>
    <t>婦中熊野</t>
    <rPh sb="0" eb="2">
      <t>フチュウ</t>
    </rPh>
    <rPh sb="2" eb="4">
      <t>クマノ</t>
    </rPh>
    <phoneticPr fontId="8"/>
  </si>
  <si>
    <t>古里</t>
    <rPh sb="0" eb="2">
      <t>フルサト</t>
    </rPh>
    <phoneticPr fontId="8"/>
  </si>
  <si>
    <t>音川</t>
    <rPh sb="0" eb="1">
      <t>オト</t>
    </rPh>
    <rPh sb="1" eb="2">
      <t>カワ</t>
    </rPh>
    <phoneticPr fontId="8"/>
  </si>
  <si>
    <t>神保</t>
    <rPh sb="0" eb="1">
      <t>シン</t>
    </rPh>
    <rPh sb="1" eb="2">
      <t>ホ</t>
    </rPh>
    <phoneticPr fontId="8"/>
  </si>
  <si>
    <t>婦中地域計</t>
    <rPh sb="0" eb="2">
      <t>フチュウマチ</t>
    </rPh>
    <rPh sb="2" eb="4">
      <t>チイキ</t>
    </rPh>
    <rPh sb="4" eb="5">
      <t>ケイ</t>
    </rPh>
    <phoneticPr fontId="9"/>
  </si>
  <si>
    <t>山田南部</t>
    <rPh sb="0" eb="2">
      <t>ヤマダ</t>
    </rPh>
    <rPh sb="2" eb="4">
      <t>ナンブ</t>
    </rPh>
    <phoneticPr fontId="8"/>
  </si>
  <si>
    <t>山田中部</t>
    <rPh sb="0" eb="2">
      <t>ヤマダ</t>
    </rPh>
    <rPh sb="2" eb="4">
      <t>チュウブ</t>
    </rPh>
    <phoneticPr fontId="8"/>
  </si>
  <si>
    <t>山田東部</t>
    <rPh sb="0" eb="2">
      <t>ヤマダ</t>
    </rPh>
    <rPh sb="2" eb="4">
      <t>トウブ</t>
    </rPh>
    <phoneticPr fontId="8"/>
  </si>
  <si>
    <t>山田地域計</t>
    <rPh sb="0" eb="2">
      <t>ヤマダムラ</t>
    </rPh>
    <rPh sb="2" eb="4">
      <t>チイキ</t>
    </rPh>
    <rPh sb="4" eb="5">
      <t>ケイ</t>
    </rPh>
    <phoneticPr fontId="9"/>
  </si>
  <si>
    <t>細入北部</t>
    <rPh sb="0" eb="2">
      <t>ホソイリ</t>
    </rPh>
    <rPh sb="2" eb="4">
      <t>ホクブ</t>
    </rPh>
    <phoneticPr fontId="8"/>
  </si>
  <si>
    <t>細入南部</t>
    <rPh sb="0" eb="2">
      <t>ホソイリ</t>
    </rPh>
    <rPh sb="2" eb="4">
      <t>ナンブ</t>
    </rPh>
    <phoneticPr fontId="8"/>
  </si>
  <si>
    <t>細入地域計</t>
    <rPh sb="0" eb="2">
      <t>ホソイリムラ</t>
    </rPh>
    <rPh sb="2" eb="4">
      <t>チイキ</t>
    </rPh>
    <rPh sb="4" eb="5">
      <t>ケイ</t>
    </rPh>
    <phoneticPr fontId="9"/>
  </si>
  <si>
    <t>※　合　計　※</t>
  </si>
  <si>
    <t>地区別　外国人人口・世帯表</t>
  </si>
  <si>
    <t>令和8年3月末</t>
    <rPh sb="0" eb="2">
      <t>レイワ</t>
    </rPh>
    <rPh sb="3" eb="4">
      <t>ネン</t>
    </rPh>
    <rPh sb="5" eb="6">
      <t>ガツ</t>
    </rPh>
    <rPh sb="6" eb="7">
      <t>マツ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10" x14ac:knownFonts="1">
    <font>
      <sz val="11"/>
      <color theme="1"/>
      <name val="游ゴシック"/>
      <family val="3"/>
      <scheme val="minor"/>
    </font>
    <font>
      <sz val="11"/>
      <name val="ＭＳ 明朝"/>
      <family val="1"/>
    </font>
    <font>
      <sz val="12"/>
      <name val="ＭＳ 明朝"/>
      <family val="1"/>
    </font>
    <font>
      <sz val="6"/>
      <name val="游ゴシック"/>
      <family val="3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11"/>
      <color theme="1"/>
      <name val="游ゴシック"/>
      <family val="3"/>
      <charset val="128"/>
      <scheme val="minor"/>
    </font>
    <font>
      <sz val="6"/>
      <name val="ＭＳ Ｐ明朝"/>
      <family val="1"/>
    </font>
    <font>
      <sz val="6"/>
      <name val="ＭＳ 明朝"/>
      <family val="1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5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/>
    <xf numFmtId="0" fontId="2" fillId="0" borderId="0"/>
    <xf numFmtId="38" fontId="7" fillId="0" borderId="0" applyFont="0" applyFill="0" applyBorder="0" applyAlignment="0" applyProtection="0">
      <alignment vertical="center"/>
    </xf>
  </cellStyleXfs>
  <cellXfs count="31">
    <xf numFmtId="0" fontId="0" fillId="0" borderId="0" xfId="0">
      <alignment vertical="center"/>
    </xf>
    <xf numFmtId="0" fontId="4" fillId="0" borderId="0" xfId="2" applyFont="1"/>
    <xf numFmtId="0" fontId="4" fillId="0" borderId="0" xfId="2" applyFont="1" applyAlignment="1">
      <alignment vertical="center"/>
    </xf>
    <xf numFmtId="0" fontId="6" fillId="0" borderId="1" xfId="2" applyFont="1" applyBorder="1" applyAlignment="1">
      <alignment horizontal="center" vertical="center"/>
    </xf>
    <xf numFmtId="176" fontId="6" fillId="0" borderId="2" xfId="2" applyNumberFormat="1" applyFont="1" applyBorder="1" applyAlignment="1">
      <alignment vertical="center"/>
    </xf>
    <xf numFmtId="176" fontId="6" fillId="0" borderId="3" xfId="2" applyNumberFormat="1" applyFont="1" applyBorder="1" applyAlignment="1">
      <alignment vertical="center"/>
    </xf>
    <xf numFmtId="0" fontId="6" fillId="0" borderId="4" xfId="3" applyFont="1" applyBorder="1" applyAlignment="1">
      <alignment vertical="center"/>
    </xf>
    <xf numFmtId="176" fontId="6" fillId="0" borderId="5" xfId="2" applyNumberFormat="1" applyFont="1" applyBorder="1" applyAlignment="1">
      <alignment vertical="center"/>
    </xf>
    <xf numFmtId="0" fontId="6" fillId="0" borderId="6" xfId="2" applyFont="1" applyBorder="1" applyAlignment="1">
      <alignment vertical="center"/>
    </xf>
    <xf numFmtId="0" fontId="4" fillId="0" borderId="0" xfId="2" applyFont="1" applyAlignment="1">
      <alignment horizontal="center" vertical="center"/>
    </xf>
    <xf numFmtId="0" fontId="6" fillId="0" borderId="7" xfId="2" applyFont="1" applyBorder="1" applyAlignment="1">
      <alignment horizontal="distributed" vertical="center"/>
    </xf>
    <xf numFmtId="0" fontId="6" fillId="0" borderId="8" xfId="2" applyFont="1" applyBorder="1" applyAlignment="1">
      <alignment horizontal="distributed" vertical="center"/>
    </xf>
    <xf numFmtId="0" fontId="6" fillId="0" borderId="9" xfId="3" applyFont="1" applyBorder="1" applyAlignment="1">
      <alignment horizontal="distributed" vertical="center"/>
    </xf>
    <xf numFmtId="0" fontId="6" fillId="0" borderId="10" xfId="2" applyFont="1" applyBorder="1" applyAlignment="1">
      <alignment horizontal="distributed" vertical="center"/>
    </xf>
    <xf numFmtId="0" fontId="6" fillId="0" borderId="11" xfId="2" applyFont="1" applyBorder="1" applyAlignment="1">
      <alignment horizontal="distributed" vertical="center"/>
    </xf>
    <xf numFmtId="38" fontId="6" fillId="0" borderId="12" xfId="4" applyFont="1" applyBorder="1" applyAlignment="1">
      <alignment vertical="center"/>
    </xf>
    <xf numFmtId="38" fontId="6" fillId="0" borderId="4" xfId="4" applyFont="1" applyBorder="1" applyAlignment="1">
      <alignment vertical="center"/>
    </xf>
    <xf numFmtId="38" fontId="6" fillId="0" borderId="13" xfId="4" applyFont="1" applyBorder="1" applyAlignment="1">
      <alignment vertical="center"/>
    </xf>
    <xf numFmtId="38" fontId="6" fillId="0" borderId="14" xfId="4" applyFont="1" applyBorder="1" applyAlignment="1">
      <alignment vertical="center"/>
    </xf>
    <xf numFmtId="38" fontId="6" fillId="0" borderId="15" xfId="4" applyFont="1" applyBorder="1" applyAlignment="1">
      <alignment vertical="center"/>
    </xf>
    <xf numFmtId="38" fontId="6" fillId="0" borderId="16" xfId="4" applyFont="1" applyBorder="1" applyAlignment="1">
      <alignment vertical="center"/>
    </xf>
    <xf numFmtId="38" fontId="6" fillId="0" borderId="17" xfId="4" applyFont="1" applyBorder="1" applyAlignment="1">
      <alignment vertical="center"/>
    </xf>
    <xf numFmtId="38" fontId="6" fillId="0" borderId="18" xfId="4" applyFont="1" applyBorder="1" applyAlignment="1">
      <alignment vertical="center"/>
    </xf>
    <xf numFmtId="0" fontId="6" fillId="0" borderId="0" xfId="2" applyFont="1" applyAlignment="1" applyProtection="1">
      <alignment horizontal="right" vertical="center"/>
      <protection locked="0"/>
    </xf>
    <xf numFmtId="38" fontId="6" fillId="0" borderId="19" xfId="4" applyFont="1" applyBorder="1" applyAlignment="1">
      <alignment vertical="center"/>
    </xf>
    <xf numFmtId="38" fontId="6" fillId="0" borderId="20" xfId="4" applyFont="1" applyBorder="1" applyAlignment="1">
      <alignment vertical="center"/>
    </xf>
    <xf numFmtId="38" fontId="6" fillId="0" borderId="21" xfId="4" applyFont="1" applyBorder="1" applyAlignment="1">
      <alignment vertical="center"/>
    </xf>
    <xf numFmtId="38" fontId="6" fillId="0" borderId="22" xfId="4" applyFont="1" applyBorder="1" applyAlignment="1">
      <alignment vertical="center"/>
    </xf>
    <xf numFmtId="0" fontId="5" fillId="0" borderId="0" xfId="2" applyFont="1" applyAlignment="1">
      <alignment horizontal="center" vertical="center"/>
    </xf>
    <xf numFmtId="0" fontId="6" fillId="0" borderId="0" xfId="2" applyFont="1" applyAlignment="1" applyProtection="1">
      <alignment horizontal="right" vertical="center"/>
      <protection locked="0"/>
    </xf>
    <xf numFmtId="0" fontId="6" fillId="0" borderId="1" xfId="2" applyFont="1" applyBorder="1" applyAlignment="1">
      <alignment horizontal="center" vertical="center"/>
    </xf>
  </cellXfs>
  <cellStyles count="5">
    <cellStyle name="桁区切り" xfId="4" builtinId="6"/>
    <cellStyle name="桁区切り 2" xfId="1" xr:uid="{00000000-0005-0000-0000-000000000000}"/>
    <cellStyle name="標準" xfId="0" builtinId="0"/>
    <cellStyle name="標準 2" xfId="2" xr:uid="{00000000-0005-0000-0000-000002000000}"/>
    <cellStyle name="標準_校下表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ColWidth="8.75" defaultRowHeight="13.5" x14ac:dyDescent="0.15"/>
  <cols>
    <col min="1" max="1" width="4.75" style="1" customWidth="1"/>
    <col min="2" max="2" width="16.375" style="1" customWidth="1"/>
    <col min="3" max="16384" width="8.75" style="1"/>
  </cols>
  <sheetData>
    <row r="1" spans="1:9" ht="27" customHeight="1" x14ac:dyDescent="0.15">
      <c r="A1" s="28" t="s">
        <v>95</v>
      </c>
      <c r="B1" s="28"/>
      <c r="C1" s="28"/>
      <c r="D1" s="28"/>
      <c r="E1" s="28"/>
      <c r="F1" s="28"/>
    </row>
    <row r="2" spans="1:9" ht="23.1" customHeight="1" x14ac:dyDescent="0.15">
      <c r="A2" s="2"/>
      <c r="B2" s="9"/>
      <c r="C2" s="2"/>
      <c r="D2" s="2"/>
      <c r="E2" s="2"/>
      <c r="F2" s="23" t="s">
        <v>96</v>
      </c>
      <c r="H2" s="29"/>
      <c r="I2" s="29"/>
    </row>
    <row r="3" spans="1:9" ht="23.1" customHeight="1" x14ac:dyDescent="0.15">
      <c r="A3" s="30" t="s">
        <v>2</v>
      </c>
      <c r="B3" s="30"/>
      <c r="C3" s="3" t="s">
        <v>9</v>
      </c>
      <c r="D3" s="3" t="s">
        <v>10</v>
      </c>
      <c r="E3" s="3" t="s">
        <v>7</v>
      </c>
      <c r="F3" s="3" t="s">
        <v>5</v>
      </c>
    </row>
    <row r="4" spans="1:9" ht="23.1" customHeight="1" x14ac:dyDescent="0.15">
      <c r="A4" s="4">
        <v>1</v>
      </c>
      <c r="B4" s="10" t="s">
        <v>12</v>
      </c>
      <c r="C4" s="15">
        <v>26</v>
      </c>
      <c r="D4" s="19">
        <v>25</v>
      </c>
      <c r="E4" s="19">
        <v>51</v>
      </c>
      <c r="F4" s="24">
        <v>33</v>
      </c>
    </row>
    <row r="5" spans="1:9" ht="23.1" customHeight="1" x14ac:dyDescent="0.15">
      <c r="A5" s="5">
        <v>2</v>
      </c>
      <c r="B5" s="11" t="s">
        <v>13</v>
      </c>
      <c r="C5" s="16">
        <v>57</v>
      </c>
      <c r="D5" s="20">
        <v>47</v>
      </c>
      <c r="E5" s="20">
        <v>104</v>
      </c>
      <c r="F5" s="25">
        <v>72</v>
      </c>
    </row>
    <row r="6" spans="1:9" ht="23.1" customHeight="1" x14ac:dyDescent="0.15">
      <c r="A6" s="5">
        <v>3</v>
      </c>
      <c r="B6" s="11" t="s">
        <v>4</v>
      </c>
      <c r="C6" s="16">
        <v>38</v>
      </c>
      <c r="D6" s="20">
        <v>30</v>
      </c>
      <c r="E6" s="20">
        <v>68</v>
      </c>
      <c r="F6" s="25">
        <v>50</v>
      </c>
    </row>
    <row r="7" spans="1:9" ht="23.1" customHeight="1" x14ac:dyDescent="0.15">
      <c r="A7" s="5">
        <v>4</v>
      </c>
      <c r="B7" s="11" t="s">
        <v>14</v>
      </c>
      <c r="C7" s="16">
        <v>29</v>
      </c>
      <c r="D7" s="20">
        <v>53</v>
      </c>
      <c r="E7" s="20">
        <v>82</v>
      </c>
      <c r="F7" s="25">
        <v>48</v>
      </c>
    </row>
    <row r="8" spans="1:9" ht="23.1" customHeight="1" x14ac:dyDescent="0.15">
      <c r="A8" s="5">
        <v>5</v>
      </c>
      <c r="B8" s="11" t="s">
        <v>3</v>
      </c>
      <c r="C8" s="16">
        <v>29</v>
      </c>
      <c r="D8" s="20">
        <v>30</v>
      </c>
      <c r="E8" s="20">
        <v>59</v>
      </c>
      <c r="F8" s="25">
        <v>38</v>
      </c>
    </row>
    <row r="9" spans="1:9" ht="23.1" customHeight="1" x14ac:dyDescent="0.15">
      <c r="A9" s="5">
        <v>6</v>
      </c>
      <c r="B9" s="11" t="s">
        <v>1</v>
      </c>
      <c r="C9" s="16">
        <v>89</v>
      </c>
      <c r="D9" s="20">
        <v>102</v>
      </c>
      <c r="E9" s="20">
        <v>191</v>
      </c>
      <c r="F9" s="25">
        <v>120</v>
      </c>
    </row>
    <row r="10" spans="1:9" ht="23.1" customHeight="1" x14ac:dyDescent="0.15">
      <c r="A10" s="5">
        <v>7</v>
      </c>
      <c r="B10" s="11" t="s">
        <v>15</v>
      </c>
      <c r="C10" s="16">
        <v>23</v>
      </c>
      <c r="D10" s="20">
        <v>27</v>
      </c>
      <c r="E10" s="20">
        <v>50</v>
      </c>
      <c r="F10" s="25">
        <v>21</v>
      </c>
    </row>
    <row r="11" spans="1:9" ht="23.1" customHeight="1" x14ac:dyDescent="0.15">
      <c r="A11" s="5">
        <v>8</v>
      </c>
      <c r="B11" s="11" t="s">
        <v>17</v>
      </c>
      <c r="C11" s="16">
        <v>16</v>
      </c>
      <c r="D11" s="20">
        <v>26</v>
      </c>
      <c r="E11" s="20">
        <v>42</v>
      </c>
      <c r="F11" s="25">
        <v>28</v>
      </c>
    </row>
    <row r="12" spans="1:9" ht="23.1" customHeight="1" x14ac:dyDescent="0.15">
      <c r="A12" s="5">
        <v>9</v>
      </c>
      <c r="B12" s="11" t="s">
        <v>20</v>
      </c>
      <c r="C12" s="16">
        <v>28</v>
      </c>
      <c r="D12" s="20">
        <v>55</v>
      </c>
      <c r="E12" s="20">
        <v>83</v>
      </c>
      <c r="F12" s="25">
        <v>47</v>
      </c>
    </row>
    <row r="13" spans="1:9" ht="23.1" customHeight="1" x14ac:dyDescent="0.15">
      <c r="A13" s="5">
        <v>10</v>
      </c>
      <c r="B13" s="11" t="s">
        <v>23</v>
      </c>
      <c r="C13" s="16">
        <v>141</v>
      </c>
      <c r="D13" s="20">
        <v>170</v>
      </c>
      <c r="E13" s="20">
        <v>311</v>
      </c>
      <c r="F13" s="25">
        <v>198</v>
      </c>
    </row>
    <row r="14" spans="1:9" ht="23.1" customHeight="1" x14ac:dyDescent="0.15">
      <c r="A14" s="5">
        <v>11</v>
      </c>
      <c r="B14" s="11" t="s">
        <v>24</v>
      </c>
      <c r="C14" s="16">
        <v>179</v>
      </c>
      <c r="D14" s="20">
        <v>132</v>
      </c>
      <c r="E14" s="20">
        <v>311</v>
      </c>
      <c r="F14" s="25">
        <v>202</v>
      </c>
    </row>
    <row r="15" spans="1:9" ht="23.1" customHeight="1" x14ac:dyDescent="0.15">
      <c r="A15" s="5">
        <v>12</v>
      </c>
      <c r="B15" s="11" t="s">
        <v>19</v>
      </c>
      <c r="C15" s="16">
        <v>109</v>
      </c>
      <c r="D15" s="20">
        <v>130</v>
      </c>
      <c r="E15" s="20">
        <v>239</v>
      </c>
      <c r="F15" s="25">
        <v>151</v>
      </c>
    </row>
    <row r="16" spans="1:9" ht="23.1" customHeight="1" x14ac:dyDescent="0.15">
      <c r="A16" s="5">
        <v>13</v>
      </c>
      <c r="B16" s="11" t="s">
        <v>25</v>
      </c>
      <c r="C16" s="16">
        <v>120</v>
      </c>
      <c r="D16" s="20">
        <v>126</v>
      </c>
      <c r="E16" s="20">
        <v>246</v>
      </c>
      <c r="F16" s="25">
        <v>168</v>
      </c>
    </row>
    <row r="17" spans="1:6" ht="23.1" customHeight="1" x14ac:dyDescent="0.15">
      <c r="A17" s="5">
        <v>14</v>
      </c>
      <c r="B17" s="11" t="s">
        <v>27</v>
      </c>
      <c r="C17" s="16">
        <v>86</v>
      </c>
      <c r="D17" s="20">
        <v>87</v>
      </c>
      <c r="E17" s="20">
        <v>173</v>
      </c>
      <c r="F17" s="25">
        <v>109</v>
      </c>
    </row>
    <row r="18" spans="1:6" ht="23.1" customHeight="1" x14ac:dyDescent="0.15">
      <c r="A18" s="5">
        <v>15</v>
      </c>
      <c r="B18" s="11" t="s">
        <v>28</v>
      </c>
      <c r="C18" s="16">
        <v>52</v>
      </c>
      <c r="D18" s="20">
        <v>55</v>
      </c>
      <c r="E18" s="20">
        <v>107</v>
      </c>
      <c r="F18" s="25">
        <v>59</v>
      </c>
    </row>
    <row r="19" spans="1:6" ht="23.1" customHeight="1" x14ac:dyDescent="0.15">
      <c r="A19" s="5">
        <v>16</v>
      </c>
      <c r="B19" s="11" t="s">
        <v>30</v>
      </c>
      <c r="C19" s="16">
        <v>405</v>
      </c>
      <c r="D19" s="20">
        <v>335</v>
      </c>
      <c r="E19" s="20">
        <v>740</v>
      </c>
      <c r="F19" s="25">
        <v>561</v>
      </c>
    </row>
    <row r="20" spans="1:6" ht="23.1" customHeight="1" x14ac:dyDescent="0.15">
      <c r="A20" s="5">
        <v>17</v>
      </c>
      <c r="B20" s="11" t="s">
        <v>31</v>
      </c>
      <c r="C20" s="16">
        <v>37</v>
      </c>
      <c r="D20" s="20">
        <v>51</v>
      </c>
      <c r="E20" s="20">
        <v>88</v>
      </c>
      <c r="F20" s="25">
        <v>35</v>
      </c>
    </row>
    <row r="21" spans="1:6" ht="23.1" customHeight="1" x14ac:dyDescent="0.15">
      <c r="A21" s="5">
        <v>18</v>
      </c>
      <c r="B21" s="11" t="s">
        <v>32</v>
      </c>
      <c r="C21" s="16">
        <v>41</v>
      </c>
      <c r="D21" s="20">
        <v>48</v>
      </c>
      <c r="E21" s="20">
        <v>89</v>
      </c>
      <c r="F21" s="25">
        <v>66</v>
      </c>
    </row>
    <row r="22" spans="1:6" ht="23.1" customHeight="1" x14ac:dyDescent="0.15">
      <c r="A22" s="5">
        <v>19</v>
      </c>
      <c r="B22" s="11" t="s">
        <v>33</v>
      </c>
      <c r="C22" s="16">
        <v>98</v>
      </c>
      <c r="D22" s="20">
        <v>58</v>
      </c>
      <c r="E22" s="20">
        <v>156</v>
      </c>
      <c r="F22" s="25">
        <v>111</v>
      </c>
    </row>
    <row r="23" spans="1:6" ht="23.1" customHeight="1" x14ac:dyDescent="0.15">
      <c r="A23" s="5">
        <v>20</v>
      </c>
      <c r="B23" s="11" t="s">
        <v>35</v>
      </c>
      <c r="C23" s="16">
        <v>141</v>
      </c>
      <c r="D23" s="20">
        <v>102</v>
      </c>
      <c r="E23" s="20">
        <v>243</v>
      </c>
      <c r="F23" s="25">
        <v>173</v>
      </c>
    </row>
    <row r="24" spans="1:6" ht="23.1" customHeight="1" x14ac:dyDescent="0.15">
      <c r="A24" s="5">
        <v>21</v>
      </c>
      <c r="B24" s="11" t="s">
        <v>37</v>
      </c>
      <c r="C24" s="16">
        <v>18</v>
      </c>
      <c r="D24" s="20">
        <v>13</v>
      </c>
      <c r="E24" s="20">
        <v>31</v>
      </c>
      <c r="F24" s="25">
        <v>12</v>
      </c>
    </row>
    <row r="25" spans="1:6" ht="23.1" customHeight="1" x14ac:dyDescent="0.15">
      <c r="A25" s="5">
        <v>22</v>
      </c>
      <c r="B25" s="11" t="s">
        <v>39</v>
      </c>
      <c r="C25" s="16">
        <v>52</v>
      </c>
      <c r="D25" s="20">
        <v>66</v>
      </c>
      <c r="E25" s="20">
        <v>118</v>
      </c>
      <c r="F25" s="25">
        <v>85</v>
      </c>
    </row>
    <row r="26" spans="1:6" ht="23.1" customHeight="1" x14ac:dyDescent="0.15">
      <c r="A26" s="5">
        <v>23</v>
      </c>
      <c r="B26" s="11" t="s">
        <v>40</v>
      </c>
      <c r="C26" s="16">
        <v>104</v>
      </c>
      <c r="D26" s="20">
        <v>106</v>
      </c>
      <c r="E26" s="20">
        <v>210</v>
      </c>
      <c r="F26" s="25">
        <v>102</v>
      </c>
    </row>
    <row r="27" spans="1:6" ht="23.1" customHeight="1" x14ac:dyDescent="0.15">
      <c r="A27" s="5">
        <v>24</v>
      </c>
      <c r="B27" s="11" t="s">
        <v>26</v>
      </c>
      <c r="C27" s="16">
        <v>179</v>
      </c>
      <c r="D27" s="20">
        <v>166</v>
      </c>
      <c r="E27" s="20">
        <v>345</v>
      </c>
      <c r="F27" s="25">
        <v>228</v>
      </c>
    </row>
    <row r="28" spans="1:6" ht="23.1" customHeight="1" x14ac:dyDescent="0.15">
      <c r="A28" s="5">
        <v>25</v>
      </c>
      <c r="B28" s="11" t="s">
        <v>42</v>
      </c>
      <c r="C28" s="16">
        <v>148</v>
      </c>
      <c r="D28" s="20">
        <v>234</v>
      </c>
      <c r="E28" s="20">
        <v>382</v>
      </c>
      <c r="F28" s="25">
        <v>215</v>
      </c>
    </row>
    <row r="29" spans="1:6" ht="23.1" customHeight="1" x14ac:dyDescent="0.15">
      <c r="A29" s="5">
        <v>26</v>
      </c>
      <c r="B29" s="11" t="s">
        <v>34</v>
      </c>
      <c r="C29" s="16">
        <v>105</v>
      </c>
      <c r="D29" s="20">
        <v>101</v>
      </c>
      <c r="E29" s="20">
        <v>206</v>
      </c>
      <c r="F29" s="25">
        <v>110</v>
      </c>
    </row>
    <row r="30" spans="1:6" ht="23.1" customHeight="1" x14ac:dyDescent="0.15">
      <c r="A30" s="5">
        <v>27</v>
      </c>
      <c r="B30" s="11" t="s">
        <v>44</v>
      </c>
      <c r="C30" s="16">
        <v>141</v>
      </c>
      <c r="D30" s="20">
        <v>194</v>
      </c>
      <c r="E30" s="20">
        <v>335</v>
      </c>
      <c r="F30" s="25">
        <v>174</v>
      </c>
    </row>
    <row r="31" spans="1:6" ht="23.1" customHeight="1" x14ac:dyDescent="0.15">
      <c r="A31" s="5">
        <v>28</v>
      </c>
      <c r="B31" s="11" t="s">
        <v>18</v>
      </c>
      <c r="C31" s="16">
        <v>100</v>
      </c>
      <c r="D31" s="20">
        <v>96</v>
      </c>
      <c r="E31" s="20">
        <v>196</v>
      </c>
      <c r="F31" s="25">
        <v>106</v>
      </c>
    </row>
    <row r="32" spans="1:6" ht="23.1" customHeight="1" x14ac:dyDescent="0.15">
      <c r="A32" s="5">
        <v>29</v>
      </c>
      <c r="B32" s="11" t="s">
        <v>46</v>
      </c>
      <c r="C32" s="16">
        <v>62</v>
      </c>
      <c r="D32" s="20">
        <v>33</v>
      </c>
      <c r="E32" s="20">
        <v>95</v>
      </c>
      <c r="F32" s="25">
        <v>67</v>
      </c>
    </row>
    <row r="33" spans="1:6" ht="23.1" customHeight="1" x14ac:dyDescent="0.15">
      <c r="A33" s="5">
        <v>30</v>
      </c>
      <c r="B33" s="11" t="s">
        <v>47</v>
      </c>
      <c r="C33" s="16">
        <v>225</v>
      </c>
      <c r="D33" s="20">
        <v>240</v>
      </c>
      <c r="E33" s="20">
        <v>465</v>
      </c>
      <c r="F33" s="25">
        <v>330</v>
      </c>
    </row>
    <row r="34" spans="1:6" ht="23.1" customHeight="1" x14ac:dyDescent="0.15">
      <c r="A34" s="5">
        <v>31</v>
      </c>
      <c r="B34" s="11" t="s">
        <v>48</v>
      </c>
      <c r="C34" s="16">
        <v>103</v>
      </c>
      <c r="D34" s="20">
        <v>131</v>
      </c>
      <c r="E34" s="20">
        <v>234</v>
      </c>
      <c r="F34" s="25">
        <v>175</v>
      </c>
    </row>
    <row r="35" spans="1:6" ht="23.1" customHeight="1" x14ac:dyDescent="0.15">
      <c r="A35" s="5">
        <v>32</v>
      </c>
      <c r="B35" s="11" t="s">
        <v>49</v>
      </c>
      <c r="C35" s="16">
        <v>60</v>
      </c>
      <c r="D35" s="20">
        <v>81</v>
      </c>
      <c r="E35" s="20">
        <v>141</v>
      </c>
      <c r="F35" s="25">
        <v>100</v>
      </c>
    </row>
    <row r="36" spans="1:6" ht="23.1" customHeight="1" x14ac:dyDescent="0.15">
      <c r="A36" s="5">
        <v>33</v>
      </c>
      <c r="B36" s="11" t="s">
        <v>6</v>
      </c>
      <c r="C36" s="16">
        <v>35</v>
      </c>
      <c r="D36" s="20">
        <v>23</v>
      </c>
      <c r="E36" s="20">
        <v>58</v>
      </c>
      <c r="F36" s="25">
        <v>35</v>
      </c>
    </row>
    <row r="37" spans="1:6" ht="23.1" customHeight="1" x14ac:dyDescent="0.15">
      <c r="A37" s="5">
        <v>34</v>
      </c>
      <c r="B37" s="11" t="s">
        <v>50</v>
      </c>
      <c r="C37" s="16">
        <v>81</v>
      </c>
      <c r="D37" s="20">
        <v>61</v>
      </c>
      <c r="E37" s="20">
        <v>142</v>
      </c>
      <c r="F37" s="25">
        <v>101</v>
      </c>
    </row>
    <row r="38" spans="1:6" ht="23.1" customHeight="1" x14ac:dyDescent="0.15">
      <c r="A38" s="5">
        <v>35</v>
      </c>
      <c r="B38" s="11" t="s">
        <v>51</v>
      </c>
      <c r="C38" s="16">
        <v>33</v>
      </c>
      <c r="D38" s="20">
        <v>17</v>
      </c>
      <c r="E38" s="20">
        <v>50</v>
      </c>
      <c r="F38" s="25">
        <v>29</v>
      </c>
    </row>
    <row r="39" spans="1:6" ht="23.1" customHeight="1" x14ac:dyDescent="0.15">
      <c r="A39" s="5">
        <v>36</v>
      </c>
      <c r="B39" s="11" t="s">
        <v>29</v>
      </c>
      <c r="C39" s="16">
        <v>47</v>
      </c>
      <c r="D39" s="20">
        <v>35</v>
      </c>
      <c r="E39" s="20">
        <v>82</v>
      </c>
      <c r="F39" s="25">
        <v>47</v>
      </c>
    </row>
    <row r="40" spans="1:6" ht="23.1" customHeight="1" x14ac:dyDescent="0.15">
      <c r="A40" s="5">
        <v>37</v>
      </c>
      <c r="B40" s="11" t="s">
        <v>52</v>
      </c>
      <c r="C40" s="16">
        <v>35</v>
      </c>
      <c r="D40" s="20">
        <v>37</v>
      </c>
      <c r="E40" s="20">
        <v>72</v>
      </c>
      <c r="F40" s="25">
        <v>23</v>
      </c>
    </row>
    <row r="41" spans="1:6" ht="23.1" customHeight="1" x14ac:dyDescent="0.15">
      <c r="A41" s="5">
        <v>38</v>
      </c>
      <c r="B41" s="11" t="s">
        <v>53</v>
      </c>
      <c r="C41" s="16">
        <v>178</v>
      </c>
      <c r="D41" s="20">
        <v>144</v>
      </c>
      <c r="E41" s="20">
        <v>322</v>
      </c>
      <c r="F41" s="25">
        <v>203</v>
      </c>
    </row>
    <row r="42" spans="1:6" ht="23.1" customHeight="1" x14ac:dyDescent="0.15">
      <c r="A42" s="5">
        <v>39</v>
      </c>
      <c r="B42" s="11" t="s">
        <v>21</v>
      </c>
      <c r="C42" s="16">
        <v>25</v>
      </c>
      <c r="D42" s="20">
        <v>34</v>
      </c>
      <c r="E42" s="20">
        <v>59</v>
      </c>
      <c r="F42" s="25">
        <v>37</v>
      </c>
    </row>
    <row r="43" spans="1:6" ht="23.1" customHeight="1" x14ac:dyDescent="0.15">
      <c r="A43" s="5">
        <v>40</v>
      </c>
      <c r="B43" s="11" t="s">
        <v>54</v>
      </c>
      <c r="C43" s="16">
        <v>50</v>
      </c>
      <c r="D43" s="20">
        <v>23</v>
      </c>
      <c r="E43" s="20">
        <v>73</v>
      </c>
      <c r="F43" s="25">
        <v>50</v>
      </c>
    </row>
    <row r="44" spans="1:6" ht="23.1" customHeight="1" x14ac:dyDescent="0.15">
      <c r="A44" s="5">
        <v>41</v>
      </c>
      <c r="B44" s="11" t="s">
        <v>55</v>
      </c>
      <c r="C44" s="16">
        <v>86</v>
      </c>
      <c r="D44" s="20">
        <v>63</v>
      </c>
      <c r="E44" s="20">
        <v>149</v>
      </c>
      <c r="F44" s="25">
        <v>133</v>
      </c>
    </row>
    <row r="45" spans="1:6" ht="23.1" customHeight="1" x14ac:dyDescent="0.15">
      <c r="A45" s="5">
        <v>42</v>
      </c>
      <c r="B45" s="11" t="s">
        <v>56</v>
      </c>
      <c r="C45" s="16">
        <v>102</v>
      </c>
      <c r="D45" s="20">
        <v>74</v>
      </c>
      <c r="E45" s="20">
        <v>176</v>
      </c>
      <c r="F45" s="25">
        <v>142</v>
      </c>
    </row>
    <row r="46" spans="1:6" ht="23.1" customHeight="1" x14ac:dyDescent="0.15">
      <c r="A46" s="5">
        <v>43</v>
      </c>
      <c r="B46" s="11" t="s">
        <v>57</v>
      </c>
      <c r="C46" s="16">
        <v>4</v>
      </c>
      <c r="D46" s="20">
        <v>7</v>
      </c>
      <c r="E46" s="20">
        <v>11</v>
      </c>
      <c r="F46" s="25">
        <v>3</v>
      </c>
    </row>
    <row r="47" spans="1:6" ht="23.1" customHeight="1" x14ac:dyDescent="0.15">
      <c r="A47" s="5">
        <v>44</v>
      </c>
      <c r="B47" s="11" t="s">
        <v>59</v>
      </c>
      <c r="C47" s="16">
        <v>28</v>
      </c>
      <c r="D47" s="20">
        <v>34</v>
      </c>
      <c r="E47" s="20">
        <v>62</v>
      </c>
      <c r="F47" s="25">
        <v>25</v>
      </c>
    </row>
    <row r="48" spans="1:6" ht="23.1" customHeight="1" x14ac:dyDescent="0.15">
      <c r="A48" s="5">
        <v>45</v>
      </c>
      <c r="B48" s="11" t="s">
        <v>36</v>
      </c>
      <c r="C48" s="16">
        <v>91</v>
      </c>
      <c r="D48" s="20">
        <v>68</v>
      </c>
      <c r="E48" s="20">
        <v>159</v>
      </c>
      <c r="F48" s="25">
        <v>128</v>
      </c>
    </row>
    <row r="49" spans="1:6" ht="23.1" customHeight="1" x14ac:dyDescent="0.15">
      <c r="A49" s="5">
        <v>46</v>
      </c>
      <c r="B49" s="11" t="s">
        <v>60</v>
      </c>
      <c r="C49" s="16">
        <v>10</v>
      </c>
      <c r="D49" s="20">
        <v>9</v>
      </c>
      <c r="E49" s="20">
        <v>19</v>
      </c>
      <c r="F49" s="25">
        <v>9</v>
      </c>
    </row>
    <row r="50" spans="1:6" ht="23.1" customHeight="1" x14ac:dyDescent="0.15">
      <c r="A50" s="5">
        <v>47</v>
      </c>
      <c r="B50" s="11" t="s">
        <v>16</v>
      </c>
      <c r="C50" s="16">
        <v>62</v>
      </c>
      <c r="D50" s="20">
        <v>38</v>
      </c>
      <c r="E50" s="20">
        <v>100</v>
      </c>
      <c r="F50" s="25">
        <v>79</v>
      </c>
    </row>
    <row r="51" spans="1:6" ht="23.1" customHeight="1" x14ac:dyDescent="0.15">
      <c r="A51" s="5">
        <v>48</v>
      </c>
      <c r="B51" s="11" t="s">
        <v>58</v>
      </c>
      <c r="C51" s="16">
        <v>3</v>
      </c>
      <c r="D51" s="20">
        <v>5</v>
      </c>
      <c r="E51" s="20">
        <v>8</v>
      </c>
      <c r="F51" s="25">
        <v>2</v>
      </c>
    </row>
    <row r="52" spans="1:6" ht="23.1" customHeight="1" x14ac:dyDescent="0.15">
      <c r="A52" s="5">
        <v>49</v>
      </c>
      <c r="B52" s="11" t="s">
        <v>61</v>
      </c>
      <c r="C52" s="16">
        <v>173</v>
      </c>
      <c r="D52" s="20">
        <v>133</v>
      </c>
      <c r="E52" s="20">
        <v>306</v>
      </c>
      <c r="F52" s="25">
        <v>207</v>
      </c>
    </row>
    <row r="53" spans="1:6" ht="23.1" customHeight="1" x14ac:dyDescent="0.15">
      <c r="A53" s="5">
        <v>50</v>
      </c>
      <c r="B53" s="11" t="s">
        <v>62</v>
      </c>
      <c r="C53" s="16">
        <v>285</v>
      </c>
      <c r="D53" s="20">
        <v>192</v>
      </c>
      <c r="E53" s="20">
        <v>477</v>
      </c>
      <c r="F53" s="25">
        <v>347</v>
      </c>
    </row>
    <row r="54" spans="1:6" ht="23.1" customHeight="1" x14ac:dyDescent="0.15">
      <c r="A54" s="5">
        <v>99</v>
      </c>
      <c r="B54" s="11" t="s">
        <v>63</v>
      </c>
      <c r="C54" s="16">
        <v>4369</v>
      </c>
      <c r="D54" s="20">
        <v>4147</v>
      </c>
      <c r="E54" s="20">
        <v>8516</v>
      </c>
      <c r="F54" s="25">
        <v>5594</v>
      </c>
    </row>
    <row r="55" spans="1:6" ht="23.1" customHeight="1" x14ac:dyDescent="0.15">
      <c r="A55" s="6">
        <v>101</v>
      </c>
      <c r="B55" s="12" t="s">
        <v>0</v>
      </c>
      <c r="C55" s="16">
        <v>0</v>
      </c>
      <c r="D55" s="20">
        <v>1</v>
      </c>
      <c r="E55" s="20">
        <v>1</v>
      </c>
      <c r="F55" s="25">
        <v>0</v>
      </c>
    </row>
    <row r="56" spans="1:6" ht="23.1" customHeight="1" x14ac:dyDescent="0.15">
      <c r="A56" s="6">
        <v>102</v>
      </c>
      <c r="B56" s="12" t="s">
        <v>64</v>
      </c>
      <c r="C56" s="16">
        <v>0</v>
      </c>
      <c r="D56" s="20">
        <v>0</v>
      </c>
      <c r="E56" s="20">
        <v>0</v>
      </c>
      <c r="F56" s="25">
        <v>0</v>
      </c>
    </row>
    <row r="57" spans="1:6" ht="23.1" customHeight="1" x14ac:dyDescent="0.15">
      <c r="A57" s="6">
        <v>103</v>
      </c>
      <c r="B57" s="12" t="s">
        <v>38</v>
      </c>
      <c r="C57" s="16">
        <v>9</v>
      </c>
      <c r="D57" s="20">
        <v>30</v>
      </c>
      <c r="E57" s="20">
        <v>39</v>
      </c>
      <c r="F57" s="25">
        <v>36</v>
      </c>
    </row>
    <row r="58" spans="1:6" ht="23.1" customHeight="1" x14ac:dyDescent="0.15">
      <c r="A58" s="6">
        <v>104</v>
      </c>
      <c r="B58" s="12" t="s">
        <v>65</v>
      </c>
      <c r="C58" s="16">
        <v>119</v>
      </c>
      <c r="D58" s="20">
        <v>65</v>
      </c>
      <c r="E58" s="20">
        <v>184</v>
      </c>
      <c r="F58" s="25">
        <v>128</v>
      </c>
    </row>
    <row r="59" spans="1:6" ht="23.1" customHeight="1" x14ac:dyDescent="0.15">
      <c r="A59" s="6">
        <v>105</v>
      </c>
      <c r="B59" s="12" t="s">
        <v>8</v>
      </c>
      <c r="C59" s="16">
        <v>80</v>
      </c>
      <c r="D59" s="20">
        <v>105</v>
      </c>
      <c r="E59" s="20">
        <v>185</v>
      </c>
      <c r="F59" s="25">
        <v>155</v>
      </c>
    </row>
    <row r="60" spans="1:6" ht="23.1" customHeight="1" x14ac:dyDescent="0.15">
      <c r="A60" s="6">
        <v>199</v>
      </c>
      <c r="B60" s="12" t="s">
        <v>45</v>
      </c>
      <c r="C60" s="16">
        <v>208</v>
      </c>
      <c r="D60" s="20">
        <v>201</v>
      </c>
      <c r="E60" s="20">
        <v>409</v>
      </c>
      <c r="F60" s="25">
        <v>319</v>
      </c>
    </row>
    <row r="61" spans="1:6" ht="23.1" customHeight="1" x14ac:dyDescent="0.15">
      <c r="A61" s="6">
        <v>201</v>
      </c>
      <c r="B61" s="12" t="s">
        <v>66</v>
      </c>
      <c r="C61" s="16">
        <v>15</v>
      </c>
      <c r="D61" s="20">
        <v>11</v>
      </c>
      <c r="E61" s="20">
        <v>26</v>
      </c>
      <c r="F61" s="25">
        <v>12</v>
      </c>
    </row>
    <row r="62" spans="1:6" ht="23.1" customHeight="1" x14ac:dyDescent="0.15">
      <c r="A62" s="6">
        <v>202</v>
      </c>
      <c r="B62" s="12" t="s">
        <v>41</v>
      </c>
      <c r="C62" s="16">
        <v>12</v>
      </c>
      <c r="D62" s="20">
        <v>6</v>
      </c>
      <c r="E62" s="20">
        <v>18</v>
      </c>
      <c r="F62" s="25">
        <v>12</v>
      </c>
    </row>
    <row r="63" spans="1:6" ht="23.1" customHeight="1" x14ac:dyDescent="0.15">
      <c r="A63" s="6">
        <v>203</v>
      </c>
      <c r="B63" s="12" t="s">
        <v>67</v>
      </c>
      <c r="C63" s="16">
        <v>70</v>
      </c>
      <c r="D63" s="20">
        <v>35</v>
      </c>
      <c r="E63" s="20">
        <v>105</v>
      </c>
      <c r="F63" s="25">
        <v>79</v>
      </c>
    </row>
    <row r="64" spans="1:6" ht="23.1" customHeight="1" x14ac:dyDescent="0.15">
      <c r="A64" s="6">
        <v>204</v>
      </c>
      <c r="B64" s="12" t="s">
        <v>68</v>
      </c>
      <c r="C64" s="16">
        <v>18</v>
      </c>
      <c r="D64" s="20">
        <v>7</v>
      </c>
      <c r="E64" s="20">
        <v>25</v>
      </c>
      <c r="F64" s="25">
        <v>20</v>
      </c>
    </row>
    <row r="65" spans="1:6" ht="23.1" customHeight="1" x14ac:dyDescent="0.15">
      <c r="A65" s="6">
        <v>299</v>
      </c>
      <c r="B65" s="12" t="s">
        <v>69</v>
      </c>
      <c r="C65" s="16">
        <v>115</v>
      </c>
      <c r="D65" s="20">
        <v>59</v>
      </c>
      <c r="E65" s="20">
        <v>174</v>
      </c>
      <c r="F65" s="25">
        <v>123</v>
      </c>
    </row>
    <row r="66" spans="1:6" ht="23.1" customHeight="1" x14ac:dyDescent="0.15">
      <c r="A66" s="6">
        <v>301</v>
      </c>
      <c r="B66" s="12" t="s">
        <v>70</v>
      </c>
      <c r="C66" s="16">
        <v>8</v>
      </c>
      <c r="D66" s="20">
        <v>5</v>
      </c>
      <c r="E66" s="20">
        <v>13</v>
      </c>
      <c r="F66" s="25">
        <v>8</v>
      </c>
    </row>
    <row r="67" spans="1:6" ht="23.1" customHeight="1" x14ac:dyDescent="0.15">
      <c r="A67" s="6">
        <v>302</v>
      </c>
      <c r="B67" s="12" t="s">
        <v>71</v>
      </c>
      <c r="C67" s="16">
        <v>123</v>
      </c>
      <c r="D67" s="20">
        <v>99</v>
      </c>
      <c r="E67" s="20">
        <v>222</v>
      </c>
      <c r="F67" s="25">
        <v>187</v>
      </c>
    </row>
    <row r="68" spans="1:6" ht="23.1" customHeight="1" x14ac:dyDescent="0.15">
      <c r="A68" s="6">
        <v>303</v>
      </c>
      <c r="B68" s="12" t="s">
        <v>72</v>
      </c>
      <c r="C68" s="16">
        <v>47</v>
      </c>
      <c r="D68" s="20">
        <v>93</v>
      </c>
      <c r="E68" s="20">
        <v>140</v>
      </c>
      <c r="F68" s="25">
        <v>102</v>
      </c>
    </row>
    <row r="69" spans="1:6" ht="23.1" customHeight="1" x14ac:dyDescent="0.15">
      <c r="A69" s="6">
        <v>304</v>
      </c>
      <c r="B69" s="12" t="s">
        <v>73</v>
      </c>
      <c r="C69" s="16">
        <v>1</v>
      </c>
      <c r="D69" s="20">
        <v>3</v>
      </c>
      <c r="E69" s="20">
        <v>4</v>
      </c>
      <c r="F69" s="25">
        <v>3</v>
      </c>
    </row>
    <row r="70" spans="1:6" ht="23.1" customHeight="1" x14ac:dyDescent="0.15">
      <c r="A70" s="6">
        <v>305</v>
      </c>
      <c r="B70" s="12" t="s">
        <v>74</v>
      </c>
      <c r="C70" s="16">
        <v>20</v>
      </c>
      <c r="D70" s="20">
        <v>3</v>
      </c>
      <c r="E70" s="20">
        <v>23</v>
      </c>
      <c r="F70" s="25">
        <v>20</v>
      </c>
    </row>
    <row r="71" spans="1:6" ht="23.1" customHeight="1" x14ac:dyDescent="0.15">
      <c r="A71" s="6">
        <v>306</v>
      </c>
      <c r="B71" s="12" t="s">
        <v>43</v>
      </c>
      <c r="C71" s="16">
        <v>16</v>
      </c>
      <c r="D71" s="20">
        <v>10</v>
      </c>
      <c r="E71" s="20">
        <v>26</v>
      </c>
      <c r="F71" s="25">
        <v>14</v>
      </c>
    </row>
    <row r="72" spans="1:6" ht="23.1" customHeight="1" x14ac:dyDescent="0.15">
      <c r="A72" s="6">
        <v>307</v>
      </c>
      <c r="B72" s="12" t="s">
        <v>75</v>
      </c>
      <c r="C72" s="16">
        <v>0</v>
      </c>
      <c r="D72" s="20">
        <v>2</v>
      </c>
      <c r="E72" s="20">
        <v>2</v>
      </c>
      <c r="F72" s="25">
        <v>0</v>
      </c>
    </row>
    <row r="73" spans="1:6" ht="23.1" customHeight="1" x14ac:dyDescent="0.15">
      <c r="A73" s="6">
        <v>308</v>
      </c>
      <c r="B73" s="12" t="s">
        <v>76</v>
      </c>
      <c r="C73" s="16">
        <v>0</v>
      </c>
      <c r="D73" s="20">
        <v>0</v>
      </c>
      <c r="E73" s="20">
        <v>0</v>
      </c>
      <c r="F73" s="25">
        <v>0</v>
      </c>
    </row>
    <row r="74" spans="1:6" ht="23.1" customHeight="1" x14ac:dyDescent="0.15">
      <c r="A74" s="6">
        <v>309</v>
      </c>
      <c r="B74" s="12" t="s">
        <v>77</v>
      </c>
      <c r="C74" s="16">
        <v>0</v>
      </c>
      <c r="D74" s="20">
        <v>0</v>
      </c>
      <c r="E74" s="20">
        <v>0</v>
      </c>
      <c r="F74" s="25">
        <v>0</v>
      </c>
    </row>
    <row r="75" spans="1:6" ht="23.1" customHeight="1" x14ac:dyDescent="0.15">
      <c r="A75" s="6">
        <v>399</v>
      </c>
      <c r="B75" s="12" t="s">
        <v>11</v>
      </c>
      <c r="C75" s="16">
        <v>215</v>
      </c>
      <c r="D75" s="20">
        <v>215</v>
      </c>
      <c r="E75" s="20">
        <v>430</v>
      </c>
      <c r="F75" s="25">
        <v>334</v>
      </c>
    </row>
    <row r="76" spans="1:6" ht="23.1" customHeight="1" x14ac:dyDescent="0.15">
      <c r="A76" s="6">
        <v>401</v>
      </c>
      <c r="B76" s="12" t="s">
        <v>78</v>
      </c>
      <c r="C76" s="16">
        <v>134</v>
      </c>
      <c r="D76" s="20">
        <v>168</v>
      </c>
      <c r="E76" s="20">
        <v>302</v>
      </c>
      <c r="F76" s="25">
        <v>217</v>
      </c>
    </row>
    <row r="77" spans="1:6" ht="23.1" customHeight="1" x14ac:dyDescent="0.15">
      <c r="A77" s="6">
        <v>402</v>
      </c>
      <c r="B77" s="12" t="s">
        <v>79</v>
      </c>
      <c r="C77" s="16">
        <v>212</v>
      </c>
      <c r="D77" s="20">
        <v>126</v>
      </c>
      <c r="E77" s="20">
        <v>338</v>
      </c>
      <c r="F77" s="25">
        <v>233</v>
      </c>
    </row>
    <row r="78" spans="1:6" ht="23.1" customHeight="1" x14ac:dyDescent="0.15">
      <c r="A78" s="6">
        <v>403</v>
      </c>
      <c r="B78" s="12" t="s">
        <v>80</v>
      </c>
      <c r="C78" s="16">
        <v>4</v>
      </c>
      <c r="D78" s="20">
        <v>8</v>
      </c>
      <c r="E78" s="20">
        <v>12</v>
      </c>
      <c r="F78" s="25">
        <v>6</v>
      </c>
    </row>
    <row r="79" spans="1:6" ht="23.1" customHeight="1" x14ac:dyDescent="0.15">
      <c r="A79" s="6">
        <v>404</v>
      </c>
      <c r="B79" s="12" t="s">
        <v>81</v>
      </c>
      <c r="C79" s="16">
        <v>25</v>
      </c>
      <c r="D79" s="20">
        <v>6</v>
      </c>
      <c r="E79" s="20">
        <v>31</v>
      </c>
      <c r="F79" s="25">
        <v>25</v>
      </c>
    </row>
    <row r="80" spans="1:6" ht="23.1" customHeight="1" x14ac:dyDescent="0.15">
      <c r="A80" s="6">
        <v>405</v>
      </c>
      <c r="B80" s="12" t="s">
        <v>82</v>
      </c>
      <c r="C80" s="16">
        <v>35</v>
      </c>
      <c r="D80" s="20">
        <v>35</v>
      </c>
      <c r="E80" s="20">
        <v>70</v>
      </c>
      <c r="F80" s="25">
        <v>51</v>
      </c>
    </row>
    <row r="81" spans="1:6" ht="23.1" customHeight="1" x14ac:dyDescent="0.15">
      <c r="A81" s="6">
        <v>406</v>
      </c>
      <c r="B81" s="12" t="s">
        <v>83</v>
      </c>
      <c r="C81" s="16">
        <v>32</v>
      </c>
      <c r="D81" s="20">
        <v>27</v>
      </c>
      <c r="E81" s="20">
        <v>59</v>
      </c>
      <c r="F81" s="25">
        <v>46</v>
      </c>
    </row>
    <row r="82" spans="1:6" ht="23.1" customHeight="1" x14ac:dyDescent="0.15">
      <c r="A82" s="6">
        <v>407</v>
      </c>
      <c r="B82" s="12" t="s">
        <v>84</v>
      </c>
      <c r="C82" s="16">
        <v>3</v>
      </c>
      <c r="D82" s="20">
        <v>13</v>
      </c>
      <c r="E82" s="20">
        <v>16</v>
      </c>
      <c r="F82" s="25">
        <v>3</v>
      </c>
    </row>
    <row r="83" spans="1:6" ht="23.1" customHeight="1" x14ac:dyDescent="0.15">
      <c r="A83" s="6">
        <v>408</v>
      </c>
      <c r="B83" s="12" t="s">
        <v>85</v>
      </c>
      <c r="C83" s="16">
        <v>39</v>
      </c>
      <c r="D83" s="20">
        <v>51</v>
      </c>
      <c r="E83" s="20">
        <v>90</v>
      </c>
      <c r="F83" s="25">
        <v>69</v>
      </c>
    </row>
    <row r="84" spans="1:6" ht="23.1" customHeight="1" x14ac:dyDescent="0.15">
      <c r="A84" s="6">
        <v>499</v>
      </c>
      <c r="B84" s="12" t="s">
        <v>86</v>
      </c>
      <c r="C84" s="16">
        <v>484</v>
      </c>
      <c r="D84" s="20">
        <v>434</v>
      </c>
      <c r="E84" s="20">
        <v>918</v>
      </c>
      <c r="F84" s="25">
        <v>650</v>
      </c>
    </row>
    <row r="85" spans="1:6" ht="23.1" customHeight="1" x14ac:dyDescent="0.15">
      <c r="A85" s="6">
        <v>501</v>
      </c>
      <c r="B85" s="12" t="s">
        <v>87</v>
      </c>
      <c r="C85" s="16">
        <v>0</v>
      </c>
      <c r="D85" s="20">
        <v>0</v>
      </c>
      <c r="E85" s="20">
        <v>0</v>
      </c>
      <c r="F85" s="25">
        <v>0</v>
      </c>
    </row>
    <row r="86" spans="1:6" ht="23.1" customHeight="1" x14ac:dyDescent="0.15">
      <c r="A86" s="6">
        <v>502</v>
      </c>
      <c r="B86" s="12" t="s">
        <v>88</v>
      </c>
      <c r="C86" s="16">
        <v>0</v>
      </c>
      <c r="D86" s="20">
        <v>2</v>
      </c>
      <c r="E86" s="20">
        <v>2</v>
      </c>
      <c r="F86" s="25">
        <v>0</v>
      </c>
    </row>
    <row r="87" spans="1:6" ht="23.1" customHeight="1" x14ac:dyDescent="0.15">
      <c r="A87" s="6">
        <v>503</v>
      </c>
      <c r="B87" s="12" t="s">
        <v>22</v>
      </c>
      <c r="C87" s="16">
        <v>0</v>
      </c>
      <c r="D87" s="20">
        <v>0</v>
      </c>
      <c r="E87" s="20">
        <v>0</v>
      </c>
      <c r="F87" s="25">
        <v>0</v>
      </c>
    </row>
    <row r="88" spans="1:6" ht="23.1" customHeight="1" x14ac:dyDescent="0.15">
      <c r="A88" s="6">
        <v>504</v>
      </c>
      <c r="B88" s="12" t="s">
        <v>89</v>
      </c>
      <c r="C88" s="16">
        <v>0</v>
      </c>
      <c r="D88" s="20">
        <v>0</v>
      </c>
      <c r="E88" s="20">
        <v>0</v>
      </c>
      <c r="F88" s="25">
        <v>0</v>
      </c>
    </row>
    <row r="89" spans="1:6" ht="23.1" customHeight="1" x14ac:dyDescent="0.15">
      <c r="A89" s="6">
        <v>599</v>
      </c>
      <c r="B89" s="12" t="s">
        <v>90</v>
      </c>
      <c r="C89" s="16">
        <v>0</v>
      </c>
      <c r="D89" s="20">
        <v>2</v>
      </c>
      <c r="E89" s="20">
        <v>2</v>
      </c>
      <c r="F89" s="25">
        <v>0</v>
      </c>
    </row>
    <row r="90" spans="1:6" ht="23.1" customHeight="1" x14ac:dyDescent="0.15">
      <c r="A90" s="6">
        <v>601</v>
      </c>
      <c r="B90" s="12" t="s">
        <v>91</v>
      </c>
      <c r="C90" s="16">
        <v>2</v>
      </c>
      <c r="D90" s="20">
        <v>16</v>
      </c>
      <c r="E90" s="20">
        <v>18</v>
      </c>
      <c r="F90" s="25">
        <v>13</v>
      </c>
    </row>
    <row r="91" spans="1:6" ht="23.1" customHeight="1" x14ac:dyDescent="0.15">
      <c r="A91" s="6">
        <v>602</v>
      </c>
      <c r="B91" s="12" t="s">
        <v>92</v>
      </c>
      <c r="C91" s="16">
        <v>0</v>
      </c>
      <c r="D91" s="20">
        <v>1</v>
      </c>
      <c r="E91" s="20">
        <v>1</v>
      </c>
      <c r="F91" s="25">
        <v>0</v>
      </c>
    </row>
    <row r="92" spans="1:6" ht="23.1" customHeight="1" x14ac:dyDescent="0.15">
      <c r="A92" s="7">
        <v>699</v>
      </c>
      <c r="B92" s="13" t="s">
        <v>93</v>
      </c>
      <c r="C92" s="17">
        <v>2</v>
      </c>
      <c r="D92" s="21">
        <v>17</v>
      </c>
      <c r="E92" s="21">
        <v>19</v>
      </c>
      <c r="F92" s="26">
        <v>13</v>
      </c>
    </row>
    <row r="93" spans="1:6" ht="23.1" customHeight="1" x14ac:dyDescent="0.15">
      <c r="A93" s="8"/>
      <c r="B93" s="14" t="s">
        <v>94</v>
      </c>
      <c r="C93" s="18">
        <v>5393</v>
      </c>
      <c r="D93" s="22">
        <v>5075</v>
      </c>
      <c r="E93" s="22">
        <v>10468</v>
      </c>
      <c r="F93" s="27">
        <v>7033</v>
      </c>
    </row>
  </sheetData>
  <mergeCells count="3">
    <mergeCell ref="A1:F1"/>
    <mergeCell ref="H2:I2"/>
    <mergeCell ref="A3:B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6553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清水　森生</cp:lastModifiedBy>
  <dcterms:created xsi:type="dcterms:W3CDTF">2022-04-05T08:50:40Z</dcterms:created>
  <dcterms:modified xsi:type="dcterms:W3CDTF">2026-04-03T06:25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2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04-02T01:51:59Z</vt:filetime>
  </property>
</Properties>
</file>